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proofErr w:type="gramStart"/>
      <w:r>
        <w:rPr>
          <w:rFonts w:ascii="Calibri" w:eastAsiaTheme="minorHAnsi" w:hAnsi="Calibri"/>
          <w:sz w:val="22"/>
          <w:szCs w:val="22"/>
        </w:rPr>
        <w:t>$:</w:t>
      </w:r>
      <w:r>
        <w:t>Supplier</w:t>
      </w:r>
      <w:proofErr w:type="gramEnd"/>
      <w:r>
        <w:t xml:space="preserve">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proofErr w:type="gramStart"/>
      <w:r>
        <w:rPr>
          <w:rFonts w:ascii="Calibri" w:eastAsiaTheme="minorHAnsi" w:hAnsi="Calibri"/>
          <w:sz w:val="22"/>
          <w:szCs w:val="22"/>
        </w:rPr>
        <w:t>$:Previous</w:t>
      </w:r>
      <w:proofErr w:type="gramEnd"/>
      <w:r>
        <w:rPr>
          <w:rFonts w:ascii="Calibri" w:eastAsiaTheme="minorHAnsi" w:hAnsi="Calibri"/>
          <w:sz w:val="22"/>
          <w:szCs w:val="22"/>
        </w:rPr>
        <w:t xml:space="preserve">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w:t>
      </w:r>
      <w:proofErr w:type="gramStart"/>
      <w:r w:rsidRPr="00C61C84">
        <w:t>DATE:MMMM</w:t>
      </w:r>
      <w:proofErr w:type="gramEnd"/>
      <w:r w:rsidRPr="00C61C84">
        <w:t xml:space="preserve">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e Terms and Conditions </w:t>
      </w:r>
      <w:proofErr w:type="gramStart"/>
      <w:r>
        <w:rPr>
          <w:rFonts w:ascii="Calibri" w:eastAsiaTheme="minorHAnsi" w:hAnsi="Calibri"/>
          <w:sz w:val="22"/>
          <w:szCs w:val="22"/>
        </w:rPr>
        <w:t>below;</w:t>
      </w:r>
      <w:proofErr w:type="gramEnd"/>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eastAsia="Arial Unicode MS"/>
                <w:bdr w:val="none" w:sz="0" w:space="0" w:color="auto" w:frame="1"/>
              </w:rPr>
              <w:t>Supplier</w:t>
            </w:r>
            <w:proofErr w:type="gramEnd"/>
            <w:r w:rsidRPr="00883375">
              <w:rPr>
                <w:rFonts w:eastAsia="Arial Unicode MS"/>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w:t>
      </w:r>
      <w:proofErr w:type="gramStart"/>
      <w:r>
        <w:t>DATE:MMMM</w:t>
      </w:r>
      <w:proofErr w:type="gramEnd"/>
      <w:r>
        <w:t xml:space="preserve">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w:t>
            </w:r>
            <w:proofErr w:type="gramStart"/>
            <w:r w:rsidRPr="004913BF">
              <w:t>DATE:MMMM</w:t>
            </w:r>
            <w:proofErr w:type="gramEnd"/>
            <w:r w:rsidRPr="004913BF">
              <w:t xml:space="preserve">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 xml:space="preserve">{[#:1801|$: Milestone04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695814" w14:paraId="40C6C84C"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D1EC6CA"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0BD08A8" w14:textId="77777777" w:rsidR="00695814" w:rsidRDefault="00695814" w:rsidP="00F76AF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F01BD45" w14:textId="77777777" w:rsidR="00695814" w:rsidRDefault="00695814" w:rsidP="00F76AF8">
            <w:pPr>
              <w:ind w:right="72"/>
              <w:rPr>
                <w:rFonts w:ascii="Calibri" w:eastAsia="Calibri" w:hAnsi="Calibri" w:cs="Calibri"/>
                <w:sz w:val="22"/>
                <w:szCs w:val="22"/>
              </w:rPr>
            </w:pPr>
            <w:r w:rsidRPr="004403A1">
              <w:rPr>
                <w:rFonts w:ascii="Calibri" w:eastAsia="Calibri" w:hAnsi="Calibri" w:cs="Calibri"/>
                <w:sz w:val="22"/>
                <w:szCs w:val="22"/>
              </w:rPr>
              <w:t xml:space="preserve">{[#:1901|$: Milestone05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r w:rsidR="00695814" w14:paraId="5FB2D963"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4FEE95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24AB7B9"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7771D7B"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001|$: Milestone06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5DueDate |AddDays:1]}{[#:2002|$: Milestone06DueDate | NoUserInput |DATE:MMMM d, yyyy| CopyFromArgument: Milestone06StartDate | </w:t>
            </w:r>
            <w:r w:rsidRPr="00442BDB">
              <w:rPr>
                <w:rFonts w:ascii="Calibri" w:eastAsia="Calibri" w:hAnsi="Calibri" w:cs="Calibri"/>
                <w:sz w:val="22"/>
                <w:szCs w:val="22"/>
              </w:rPr>
              <w:lastRenderedPageBreak/>
              <w:t>EndOfMonth]}{[#:2003|$: Milestone06workdays | NoUserInput | NoOutput | WorkDaysStart: Milestone06StartDate |WorkDaysEnd: Milestone06DueDate]}</w:t>
            </w:r>
          </w:p>
        </w:tc>
      </w:tr>
      <w:tr w:rsidR="00695814" w14:paraId="6F5C5C94"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B4AA5C5"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9C66B9B"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1AE8A9"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101|$: Milestone07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6DueDate |AddDays:1]}{[#:2102|$: Milestone07DueDate | NoUserInput |DATE:MMMM d, yyyy| CopyFromArgument: Milestone07StartDate | EndOfMonth]}{[#:2103|$: Milestone07workdays | NoUserInput | NoOutput | WorkDaysStart: Milestone07StartDate |WorkDaysEnd: Milestone07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w:t>
      </w:r>
      <w:proofErr w:type="gramStart"/>
      <w:r w:rsidRPr="00F3058E">
        <w:rPr>
          <w:b/>
          <w:bCs/>
        </w:rPr>
        <w:t>$:PayPerDay</w:t>
      </w:r>
      <w:proofErr w:type="gramEnd"/>
      <w:r w:rsidRPr="00F3058E">
        <w:rPr>
          <w:b/>
          <w:bCs/>
        </w:rPr>
        <w:t>|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2800|</w:t>
      </w:r>
      <w:proofErr w:type="gramStart"/>
      <w:r>
        <w:t>$:Max</w:t>
      </w:r>
      <w:proofErr w:type="gramEnd"/>
      <w:r>
        <w:t xml:space="preserve">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sidRPr="004F1E15">
              <w:rPr>
                <w:rFonts w:ascii="Calibri" w:eastAsia="Calibri" w:hAnsi="Calibri" w:cs="Calibri"/>
                <w:sz w:val="22"/>
                <w:szCs w:val="22"/>
              </w:rPr>
              <w:lastRenderedPageBreak/>
              <w:t>{[</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lastRenderedPageBreak/>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24F609E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7989E9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09BC63" w14:textId="77777777" w:rsidR="00695814" w:rsidRDefault="00695814" w:rsidP="00F76AF8">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518CE33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lastRenderedPageBreak/>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69ECCB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DE7AB7B"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6</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BAA541F" w14:textId="77777777" w:rsidR="00695814" w:rsidRDefault="00695814" w:rsidP="00F76AF8">
            <w:pPr>
              <w:jc w:val="center"/>
            </w:pPr>
            <w:r>
              <w:t xml:space="preserve">{[#:2000|$: Milestone 6 name| NoUserInput | </w:t>
            </w:r>
            <w:proofErr w:type="gramStart"/>
            <w:r>
              <w:t>DATE:MMMM</w:t>
            </w:r>
            <w:proofErr w:type="gramEnd"/>
            <w:r>
              <w:t xml:space="preserve">| CopyFromArgument: Milestone06StartDate]} Month Services </w:t>
            </w:r>
          </w:p>
          <w:p w14:paraId="2069D2D9" w14:textId="77777777" w:rsidR="00695814" w:rsidRDefault="00695814" w:rsidP="00F76AF8">
            <w:pPr>
              <w:jc w:val="center"/>
            </w:pPr>
            <w:r>
              <w:t xml:space="preserve">{[#:2005|NoUserInput|$: Milestone 6 Service Fee | NUM|MULTIPLICATION | ThousandSeparated | MathValueFromArgument1: SEK/Hour | MathValueFromArgument2: Milesstone 6 Hours Worked |COMMENT:58,800]} </w:t>
            </w:r>
            <w:proofErr w:type="gramStart"/>
            <w:r>
              <w:t>SEK</w:t>
            </w:r>
            <w:proofErr w:type="gramEnd"/>
          </w:p>
          <w:p w14:paraId="16CAA168" w14:textId="77777777" w:rsidR="00695814" w:rsidRPr="000E3481" w:rsidRDefault="00695814" w:rsidP="00F76AF8">
            <w:pPr>
              <w:jc w:val="center"/>
              <w:rPr>
                <w:highlight w:val="lightGray"/>
              </w:rPr>
            </w:pPr>
            <w:r>
              <w:t xml:space="preserve">({[#:2099|CopyFromArgument: SEK/Hour |INVISIBLE|COMMENT: 350]} SEK/hour, {[#:2004|NoUserInput|$: Milesstone 6 Hours Worked | MULTIPLICATION| MathValueFromArgument1: </w:t>
            </w:r>
            <w:r>
              <w:lastRenderedPageBreak/>
              <w:t xml:space="preserve">Workhours per Day | MathValueFromArgument2: Milestone06workdays |COMMENT:  168]} </w:t>
            </w:r>
            <w:proofErr w:type="gramStart"/>
            <w:r>
              <w:t>hours){</w:t>
            </w:r>
            <w:proofErr w:type="gramEnd"/>
            <w:r>
              <w:t>[#:2006|NoUserInput| NoOutput |$: Milestone 6 Fee Total | NUM| Addition| ThousandSeparated | MathValueFromArgument1: Milestone 5 Fee Total | MathValueFromArgument2: Milestone 6 Service Fee]}</w:t>
            </w:r>
          </w:p>
        </w:tc>
      </w:tr>
      <w:tr w:rsidR="00695814" w14:paraId="1D2E31C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51FD887"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1C2834A" w14:textId="77777777" w:rsidR="00695814" w:rsidRDefault="00695814" w:rsidP="00F76AF8">
            <w:pPr>
              <w:jc w:val="center"/>
            </w:pPr>
            <w:r>
              <w:t xml:space="preserve">{[#:2100|$: Milestone 7 name| NoUserInput | </w:t>
            </w:r>
            <w:proofErr w:type="gramStart"/>
            <w:r>
              <w:t>DATE:MMMM</w:t>
            </w:r>
            <w:proofErr w:type="gramEnd"/>
            <w:r>
              <w:t xml:space="preserve">| CopyFromArgument: Milestone07StartDate]} Month Services </w:t>
            </w:r>
          </w:p>
          <w:p w14:paraId="4E339C54" w14:textId="77777777" w:rsidR="00695814" w:rsidRDefault="00695814" w:rsidP="00F76AF8">
            <w:pPr>
              <w:jc w:val="center"/>
            </w:pPr>
            <w:r>
              <w:t xml:space="preserve">{[#:2105|NoUserInput|$: Milestone 7 Service Fee | NUM|MULTIPLICATION | ThousandSeparated | MathValueFromArgument1: SEK/Hour | MathValueFromArgument2: Milesstone 7 Hours Worked |COMMENT:58,800]} </w:t>
            </w:r>
            <w:proofErr w:type="gramStart"/>
            <w:r>
              <w:t>SEK</w:t>
            </w:r>
            <w:proofErr w:type="gramEnd"/>
          </w:p>
          <w:p w14:paraId="2D011277" w14:textId="77777777" w:rsidR="00695814" w:rsidRPr="000E3481" w:rsidRDefault="00695814" w:rsidP="00F76AF8">
            <w:pPr>
              <w:jc w:val="center"/>
              <w:rPr>
                <w:highlight w:val="lightGray"/>
              </w:rPr>
            </w:pPr>
            <w:r>
              <w:t xml:space="preserve">({[#:2199|CopyFromArgument: SEK/Hour |INVISIBLE|COMMENT: 350]} SEK/hour, {[#:2104|NoUserInput|$: Milesstone 7 Hours Worked | MULTIPLICATION| MathValueFromArgument1: Workhours per Day | MathValueFromArgument2: Milestone07workdays |COMMENT:  178]} </w:t>
            </w:r>
            <w:proofErr w:type="gramStart"/>
            <w:r>
              <w:t>hours){</w:t>
            </w:r>
            <w:proofErr w:type="gramEnd"/>
            <w:r>
              <w:t>[#:2107|NoUserInput| NoOutput |$: Milestone 7 Fee Total | NUM| Addition| ThousandSeparated | MathValueFromArgument1: Milestone 6 Fee Total | MathValueFromArgument2: Milestone 7 Service Fee]}</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2878FF6C"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sidR="00D3753D">
              <w:rPr>
                <w:szCs w:val="22"/>
                <w:highlight w:val="red"/>
              </w:rPr>
              <w:t>7</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w:t>
            </w:r>
            <w:proofErr w:type="gramStart"/>
            <w:r>
              <w:rPr>
                <w:rFonts w:ascii="Consolas" w:hAnsi="Consolas" w:cs="Consolas"/>
                <w:sz w:val="19"/>
                <w:szCs w:val="19"/>
                <w:highlight w:val="white"/>
              </w:rPr>
              <w:t>ThousandSeparated</w:t>
            </w:r>
            <w:r w:rsidRPr="0086479D">
              <w:t xml:space="preserve"> </w:t>
            </w:r>
            <w:r>
              <w:t xml:space="preserve"> COMMENT</w:t>
            </w:r>
            <w:proofErr w:type="gramEnd"/>
            <w:r>
              <w: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sidR="006F0B7E">
              <w:rPr>
                <w:highlight w:val="red"/>
              </w:rPr>
              <w:t>0</w:t>
            </w:r>
            <w:r w:rsidR="00D3753D">
              <w:rPr>
                <w:highlight w:val="red"/>
              </w:rPr>
              <w:t>7</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11536B"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7322D43D" w14:textId="77777777" w:rsidR="0011536B" w:rsidRDefault="0011536B">
      <w:r>
        <w:separator/>
      </w:r>
    </w:p>
  </w:endnote>
  <w:endnote w:type="continuationSeparator" w:id="0">
    <w:p w14:paraId="01C52748" w14:textId="77777777" w:rsidR="0011536B" w:rsidRDefault="0011536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11536B">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A0BA50C" w14:textId="77777777" w:rsidR="0011536B" w:rsidRDefault="0011536B">
      <w:r>
        <w:separator/>
      </w:r>
    </w:p>
  </w:footnote>
  <w:footnote w:type="continuationSeparator" w:id="0">
    <w:p w14:paraId="302BF1CA" w14:textId="77777777" w:rsidR="0011536B" w:rsidRDefault="0011536B">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11536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11536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1536B"/>
    <w:rsid w:val="001A0B03"/>
    <w:rsid w:val="002C7E06"/>
    <w:rsid w:val="003C3234"/>
    <w:rsid w:val="003E763D"/>
    <w:rsid w:val="004D6E0F"/>
    <w:rsid w:val="00695814"/>
    <w:rsid w:val="006F0B7E"/>
    <w:rsid w:val="007B0729"/>
    <w:rsid w:val="00996121"/>
    <w:rsid w:val="00B04D5C"/>
    <w:rsid w:val="00BF294E"/>
    <w:rsid w:val="00BF480B"/>
    <w:rsid w:val="00D3753D"/>
    <w:rsid w:val="00DA48C6"/>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14</Pages>
  <Words>2265</Words>
  <Characters>12010</Characters>
  <Application>Microsoft Office Word</Application>
  <DocSecurity>0</DocSecurity>
  <Lines>100</Lines>
  <Paragraphs>28</Paragraphs>
  <ScaleCrop>false</ScaleCrop>
  <Company/>
  <LinksUpToDate>false</LinksUpToDate>
  <CharactersWithSpaces>1424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2</cp:revision>
  <dcterms:created xsi:type="dcterms:W3CDTF">2020-12-23T21:56:00Z</dcterms:created>
  <dcterms:modified xsi:type="dcterms:W3CDTF">2020-12-23T21:56:00Z</dcterms:modified>
</cp:coreProperties>
</file>